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425"/>
  <workbookPr filterPrivacy="1"/>
  <xr:revisionPtr revIDLastSave="9" documentId="8_{F9C09517-F9CB-4725-B141-B98A8EC5739B}" xr6:coauthVersionLast="47" xr6:coauthVersionMax="47" xr10:uidLastSave="{320BEE04-CA9F-47FB-A187-B706B3EC982D}"/>
  <bookViews>
    <workbookView xWindow="-120" yWindow="-120" windowWidth="29040" windowHeight="15720" xr2:uid="{00000000-000D-0000-FFFF-FFFF00000000}"/>
  </bookViews>
  <sheets>
    <sheet name="Distributions" sheetId="2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3" uniqueCount="3">
  <si>
    <t>Quarter</t>
  </si>
  <si>
    <t>IFB Fixed Interest Fund</t>
  </si>
  <si>
    <t>IFA Fixed Interest Fun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00000"/>
  </numFmts>
  <fonts count="2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4">
    <xf numFmtId="0" fontId="0" fillId="0" borderId="0" xfId="0"/>
    <xf numFmtId="0" fontId="1" fillId="0" borderId="0" xfId="0" applyFont="1" applyAlignment="1">
      <alignment horizontal="center" wrapText="1"/>
    </xf>
    <xf numFmtId="14" fontId="0" fillId="0" borderId="0" xfId="0" applyNumberFormat="1"/>
    <xf numFmtId="164" fontId="0" fillId="0" borderId="0" xfId="0" applyNumberFormat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10" Type="http://schemas.openxmlformats.org/officeDocument/2006/relationships/customXml" Target="../customXml/item6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6D899E3-427E-4B4D-97AE-5EB68AB239D3}">
  <dimension ref="A1:C45"/>
  <sheetViews>
    <sheetView tabSelected="1" workbookViewId="0">
      <pane ySplit="1" topLeftCell="A2" activePane="bottomLeft" state="frozen"/>
      <selection pane="bottomLeft"/>
    </sheetView>
  </sheetViews>
  <sheetFormatPr defaultRowHeight="15" x14ac:dyDescent="0.25"/>
  <cols>
    <col min="1" max="3" width="12.28515625" customWidth="1"/>
  </cols>
  <sheetData>
    <row r="1" spans="1:3" ht="45" x14ac:dyDescent="0.25">
      <c r="A1" s="1" t="s">
        <v>0</v>
      </c>
      <c r="B1" s="1" t="s">
        <v>2</v>
      </c>
      <c r="C1" s="1" t="s">
        <v>1</v>
      </c>
    </row>
    <row r="2" spans="1:3" x14ac:dyDescent="0.25">
      <c r="A2" s="2">
        <v>45382</v>
      </c>
      <c r="B2" s="3">
        <v>0</v>
      </c>
      <c r="C2" s="3">
        <v>0</v>
      </c>
    </row>
    <row r="3" spans="1:3" x14ac:dyDescent="0.25">
      <c r="A3" s="2">
        <v>45291</v>
      </c>
      <c r="B3" s="3">
        <v>0</v>
      </c>
      <c r="C3" s="3">
        <v>0</v>
      </c>
    </row>
    <row r="4" spans="1:3" x14ac:dyDescent="0.25">
      <c r="A4" s="2">
        <v>45199</v>
      </c>
      <c r="B4" s="3">
        <v>0</v>
      </c>
      <c r="C4" s="3">
        <v>0</v>
      </c>
    </row>
    <row r="5" spans="1:3" x14ac:dyDescent="0.25">
      <c r="A5" s="2">
        <v>45107</v>
      </c>
      <c r="B5" s="3">
        <v>0</v>
      </c>
      <c r="C5" s="3">
        <v>0</v>
      </c>
    </row>
    <row r="6" spans="1:3" x14ac:dyDescent="0.25">
      <c r="A6" s="2">
        <v>45016</v>
      </c>
      <c r="B6" s="3">
        <v>0</v>
      </c>
      <c r="C6" s="3">
        <v>0</v>
      </c>
    </row>
    <row r="7" spans="1:3" x14ac:dyDescent="0.25">
      <c r="A7" s="2">
        <v>44926</v>
      </c>
      <c r="B7" s="3">
        <v>0</v>
      </c>
      <c r="C7" s="3">
        <v>0</v>
      </c>
    </row>
    <row r="8" spans="1:3" x14ac:dyDescent="0.25">
      <c r="A8" s="2">
        <v>44834</v>
      </c>
      <c r="B8" s="3">
        <v>0</v>
      </c>
      <c r="C8" s="3">
        <v>0</v>
      </c>
    </row>
    <row r="9" spans="1:3" x14ac:dyDescent="0.25">
      <c r="A9" s="2">
        <v>44742</v>
      </c>
      <c r="B9" s="3">
        <v>0</v>
      </c>
      <c r="C9" s="3">
        <v>0</v>
      </c>
    </row>
    <row r="10" spans="1:3" x14ac:dyDescent="0.25">
      <c r="A10" s="2">
        <v>44651</v>
      </c>
      <c r="B10" s="3">
        <v>0</v>
      </c>
      <c r="C10" s="3">
        <v>0</v>
      </c>
    </row>
    <row r="11" spans="1:3" x14ac:dyDescent="0.25">
      <c r="A11" s="2">
        <v>44561</v>
      </c>
      <c r="B11" s="3">
        <v>0</v>
      </c>
      <c r="C11" s="3">
        <v>0</v>
      </c>
    </row>
    <row r="12" spans="1:3" x14ac:dyDescent="0.25">
      <c r="A12" s="2">
        <v>44469</v>
      </c>
      <c r="B12" s="3">
        <v>0.22889999999999999</v>
      </c>
      <c r="C12" s="3">
        <v>0.25900000000000001</v>
      </c>
    </row>
    <row r="13" spans="1:3" x14ac:dyDescent="0.25">
      <c r="A13" s="2">
        <v>44377</v>
      </c>
      <c r="B13" s="3">
        <v>0</v>
      </c>
      <c r="C13" s="3">
        <v>0</v>
      </c>
    </row>
    <row r="14" spans="1:3" x14ac:dyDescent="0.25">
      <c r="A14" s="2">
        <v>44286</v>
      </c>
      <c r="B14" s="3">
        <v>0.53900000000000003</v>
      </c>
      <c r="C14" s="3">
        <v>0.63590000000000002</v>
      </c>
    </row>
    <row r="15" spans="1:3" x14ac:dyDescent="0.25">
      <c r="A15" s="2">
        <v>44196</v>
      </c>
      <c r="B15" s="3">
        <v>0.15329999999999999</v>
      </c>
      <c r="C15" s="3">
        <v>0.16769999999999999</v>
      </c>
    </row>
    <row r="16" spans="1:3" x14ac:dyDescent="0.25">
      <c r="A16" s="2">
        <v>44104</v>
      </c>
      <c r="B16" s="3">
        <v>8.0199999999999994E-2</v>
      </c>
      <c r="C16" s="3">
        <v>9.1899999999999996E-2</v>
      </c>
    </row>
    <row r="17" spans="1:3" x14ac:dyDescent="0.25">
      <c r="A17" s="2">
        <v>44012</v>
      </c>
      <c r="B17" s="3">
        <v>2.8239738999999999</v>
      </c>
      <c r="C17" s="3">
        <v>3.229692</v>
      </c>
    </row>
    <row r="18" spans="1:3" x14ac:dyDescent="0.25">
      <c r="A18" s="2">
        <v>43921</v>
      </c>
      <c r="B18" s="3">
        <v>0</v>
      </c>
      <c r="C18" s="3">
        <v>0</v>
      </c>
    </row>
    <row r="19" spans="1:3" x14ac:dyDescent="0.25">
      <c r="A19" s="2">
        <v>43830</v>
      </c>
      <c r="B19" s="3">
        <v>1.1593503000000001</v>
      </c>
      <c r="C19" s="3">
        <v>1.4538850000000001</v>
      </c>
    </row>
    <row r="20" spans="1:3" x14ac:dyDescent="0.25">
      <c r="A20" s="2">
        <v>43738</v>
      </c>
      <c r="B20" s="3">
        <v>0.32174720000000001</v>
      </c>
      <c r="C20" s="3">
        <v>0.55622899999999997</v>
      </c>
    </row>
    <row r="21" spans="1:3" x14ac:dyDescent="0.25">
      <c r="A21" s="2">
        <v>43646</v>
      </c>
      <c r="B21" s="3">
        <v>0.82640362999999994</v>
      </c>
      <c r="C21" s="3">
        <v>1.1296900000000001</v>
      </c>
    </row>
    <row r="22" spans="1:3" x14ac:dyDescent="0.25">
      <c r="A22" s="2">
        <v>43555</v>
      </c>
      <c r="B22" s="3">
        <v>0.79194664000000004</v>
      </c>
      <c r="C22" s="3">
        <v>1.0781849999999999</v>
      </c>
    </row>
    <row r="23" spans="1:3" x14ac:dyDescent="0.25">
      <c r="A23" s="2">
        <v>43465</v>
      </c>
      <c r="B23" s="3">
        <v>0.15850600000000001</v>
      </c>
      <c r="C23" s="3">
        <v>0.372641</v>
      </c>
    </row>
    <row r="24" spans="1:3" x14ac:dyDescent="0.25">
      <c r="A24" s="2">
        <v>43373</v>
      </c>
      <c r="B24" s="3">
        <v>0.33240966999999999</v>
      </c>
      <c r="C24" s="3">
        <v>0.57458699999999996</v>
      </c>
    </row>
    <row r="25" spans="1:3" x14ac:dyDescent="0.25">
      <c r="A25" s="2">
        <v>43281</v>
      </c>
      <c r="B25" s="3">
        <v>1.4099820000000001</v>
      </c>
      <c r="C25" s="3">
        <v>1.71766</v>
      </c>
    </row>
    <row r="26" spans="1:3" x14ac:dyDescent="0.25">
      <c r="A26" s="2">
        <v>43190</v>
      </c>
      <c r="B26" s="3">
        <v>0.35306100000000001</v>
      </c>
      <c r="C26" s="3">
        <v>0.61340799999999995</v>
      </c>
    </row>
    <row r="27" spans="1:3" x14ac:dyDescent="0.25">
      <c r="A27" s="2">
        <v>43100</v>
      </c>
      <c r="B27" s="3">
        <v>0.65026600000000001</v>
      </c>
      <c r="C27" s="3">
        <v>0.94813800000000004</v>
      </c>
    </row>
    <row r="28" spans="1:3" x14ac:dyDescent="0.25">
      <c r="A28" s="2">
        <v>43008</v>
      </c>
      <c r="B28" s="3">
        <v>0.20727400000000001</v>
      </c>
      <c r="C28" s="3">
        <v>0.42816199999999999</v>
      </c>
    </row>
    <row r="29" spans="1:3" x14ac:dyDescent="0.25">
      <c r="A29" s="2">
        <v>42916</v>
      </c>
      <c r="B29" s="3">
        <v>2.369421</v>
      </c>
      <c r="C29" s="3">
        <v>2.8946589999999999</v>
      </c>
    </row>
    <row r="30" spans="1:3" x14ac:dyDescent="0.25">
      <c r="A30" s="2">
        <v>42825</v>
      </c>
      <c r="B30" s="3">
        <v>0.323019</v>
      </c>
      <c r="C30" s="3">
        <v>0.57014299999999996</v>
      </c>
    </row>
    <row r="31" spans="1:3" x14ac:dyDescent="0.25">
      <c r="A31" s="2">
        <v>42735</v>
      </c>
      <c r="B31" s="3">
        <v>0.57055800000000001</v>
      </c>
      <c r="C31" s="3">
        <v>0.86869499999999999</v>
      </c>
    </row>
    <row r="32" spans="1:3" x14ac:dyDescent="0.25">
      <c r="A32" s="2">
        <v>42643</v>
      </c>
      <c r="B32" s="3">
        <v>0.337009</v>
      </c>
      <c r="C32" s="3">
        <v>0.56489100000000003</v>
      </c>
    </row>
    <row r="33" spans="1:3" x14ac:dyDescent="0.25">
      <c r="A33" s="2">
        <v>42551</v>
      </c>
      <c r="B33" s="3">
        <v>1.597018</v>
      </c>
      <c r="C33" s="3">
        <v>2.0129350000000001</v>
      </c>
    </row>
    <row r="34" spans="1:3" x14ac:dyDescent="0.25">
      <c r="A34" s="2">
        <v>42460</v>
      </c>
      <c r="B34" s="3">
        <v>0.66062600000000005</v>
      </c>
      <c r="C34" s="3">
        <v>0.96319900000000003</v>
      </c>
    </row>
    <row r="35" spans="1:3" x14ac:dyDescent="0.25">
      <c r="A35" s="2">
        <v>42369</v>
      </c>
      <c r="B35" s="3">
        <v>0.48942300000000005</v>
      </c>
      <c r="C35" s="3">
        <v>0.76961299999999999</v>
      </c>
    </row>
    <row r="36" spans="1:3" x14ac:dyDescent="0.25">
      <c r="A36" s="2">
        <v>42277</v>
      </c>
      <c r="B36" s="3">
        <v>0.28761500000000001</v>
      </c>
      <c r="C36" s="3">
        <v>0.50468800000000003</v>
      </c>
    </row>
    <row r="37" spans="1:3" x14ac:dyDescent="0.25">
      <c r="A37" s="2">
        <v>42185</v>
      </c>
      <c r="B37" s="3">
        <v>1.2494609999999999</v>
      </c>
      <c r="C37" s="3">
        <v>1.671305</v>
      </c>
    </row>
    <row r="38" spans="1:3" x14ac:dyDescent="0.25">
      <c r="A38" s="2">
        <v>42094</v>
      </c>
      <c r="B38" s="3">
        <v>0.47200399999999998</v>
      </c>
      <c r="C38" s="3">
        <v>0.73421800000000004</v>
      </c>
    </row>
    <row r="39" spans="1:3" x14ac:dyDescent="0.25">
      <c r="A39" s="2">
        <v>42004</v>
      </c>
      <c r="B39" s="3">
        <v>0.93288000000000004</v>
      </c>
      <c r="C39" s="3">
        <v>1.273749</v>
      </c>
    </row>
    <row r="40" spans="1:3" x14ac:dyDescent="0.25">
      <c r="A40" s="2">
        <v>41912</v>
      </c>
      <c r="B40" s="3">
        <v>0.64718799999999999</v>
      </c>
      <c r="C40" s="3">
        <v>0.9234</v>
      </c>
    </row>
    <row r="41" spans="1:3" x14ac:dyDescent="0.25">
      <c r="A41" s="2">
        <v>41820</v>
      </c>
      <c r="B41" s="3">
        <v>1.4932920000000001</v>
      </c>
      <c r="C41" s="3">
        <v>1.9032929999999999</v>
      </c>
    </row>
    <row r="42" spans="1:3" x14ac:dyDescent="0.25">
      <c r="A42" s="2">
        <v>41729</v>
      </c>
      <c r="B42" s="3">
        <v>0.39141500000000001</v>
      </c>
      <c r="C42" s="3">
        <v>0.67375099999999999</v>
      </c>
    </row>
    <row r="43" spans="1:3" x14ac:dyDescent="0.25">
      <c r="A43" s="2">
        <v>41639</v>
      </c>
      <c r="B43" s="3">
        <v>0.64922199999999997</v>
      </c>
      <c r="C43" s="3">
        <v>0.95741100000000001</v>
      </c>
    </row>
    <row r="44" spans="1:3" x14ac:dyDescent="0.25">
      <c r="A44" s="2">
        <v>41547</v>
      </c>
      <c r="B44" s="3">
        <v>0.26167499999999999</v>
      </c>
      <c r="C44" s="3">
        <v>0.50774699999999995</v>
      </c>
    </row>
    <row r="45" spans="1:3" x14ac:dyDescent="0.25">
      <c r="A45" s="2">
        <v>41455</v>
      </c>
      <c r="B45" s="3">
        <v>3.5068288810652977</v>
      </c>
      <c r="C45" s="3">
        <v>4.3015699999999999</v>
      </c>
    </row>
  </sheetData>
  <sortState xmlns:xlrd2="http://schemas.microsoft.com/office/spreadsheetml/2017/richdata2" ref="A2:C45">
    <sortCondition descending="1" ref="A2:A45"/>
  </sortState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D2ABAC426A4A14D8CF04F51F2E7C69D" ma:contentTypeVersion="19" ma:contentTypeDescription="Create a new document." ma:contentTypeScope="" ma:versionID="ae5983256c3565d4df05fcd767022ca5">
  <xsd:schema xmlns:xsd="http://www.w3.org/2001/XMLSchema" xmlns:xs="http://www.w3.org/2001/XMLSchema" xmlns:p="http://schemas.microsoft.com/office/2006/metadata/properties" xmlns:ns2="d5cb2892-8bf1-4e47-a364-2131f85d38ca" xmlns:ns3="164af93f-121c-4240-913e-1427721c80d8" targetNamespace="http://schemas.microsoft.com/office/2006/metadata/properties" ma:root="true" ma:fieldsID="29e1a03753526288538bec2301c198d4" ns2:_="" ns3:_="">
    <xsd:import namespace="d5cb2892-8bf1-4e47-a364-2131f85d38ca"/>
    <xsd:import namespace="164af93f-121c-4240-913e-1427721c80d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_Flow_SignoffStatus" minOccurs="0"/>
                <xsd:element ref="ns3:_dlc_DocId" minOccurs="0"/>
                <xsd:element ref="ns3:_dlc_DocIdUrl" minOccurs="0"/>
                <xsd:element ref="ns3:_dlc_DocIdPersistId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5cb2892-8bf1-4e47-a364-2131f85d38c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4" nillable="true" ma:displayName="Location" ma:internalName="MediaServiceLocation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5cb6ae6-4c78-433e-9925-5f87d78513c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3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LengthInSeconds" ma:index="2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64af93f-121c-4240-913e-1427721c80d8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ec638d62-b48b-40bf-bc46-b6e30661630e}" ma:internalName="TaxCatchAll" ma:showField="CatchAllData" ma:web="164af93f-121c-4240-913e-1427721c80d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_dlc_DocId" ma:index="24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25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26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164af93f-121c-4240-913e-1427721c80d8" xsi:nil="true"/>
    <lcf76f155ced4ddcb4097134ff3c332f xmlns="d5cb2892-8bf1-4e47-a364-2131f85d38ca">
      <Terms xmlns="http://schemas.microsoft.com/office/infopath/2007/PartnerControls"/>
    </lcf76f155ced4ddcb4097134ff3c332f>
    <_Flow_SignoffStatus xmlns="d5cb2892-8bf1-4e47-a364-2131f85d38ca" xsi:nil="true"/>
    <_dlc_DocId xmlns="164af93f-121c-4240-913e-1427721c80d8">UAURQQP5U7EQ-98371378-41213</_dlc_DocId>
    <_dlc_DocIdUrl xmlns="164af93f-121c-4240-913e-1427721c80d8">
      <Url>https://firststatesuper.sharepoint.com/sites/investments/services/_layouts/15/DocIdRedir.aspx?ID=UAURQQP5U7EQ-98371378-41213</Url>
      <Description>UAURQQP5U7EQ-98371378-41213</Description>
    </_dlc_DocIdUrl>
  </documentManagement>
</p:properties>
</file>

<file path=customXml/item5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6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Props1.xml><?xml version="1.0" encoding="utf-8"?>
<ds:datastoreItem xmlns:ds="http://schemas.openxmlformats.org/officeDocument/2006/customXml" ds:itemID="{D2878F8E-7ABB-43B6-9A59-7F714CC82C9D}">
  <ds:schemaRefs/>
</ds:datastoreItem>
</file>

<file path=customXml/itemProps2.xml><?xml version="1.0" encoding="utf-8"?>
<ds:datastoreItem xmlns:ds="http://schemas.openxmlformats.org/officeDocument/2006/customXml" ds:itemID="{9B72D8B3-972A-4F86-8D63-692A61ABEFF4}"/>
</file>

<file path=customXml/itemProps3.xml><?xml version="1.0" encoding="utf-8"?>
<ds:datastoreItem xmlns:ds="http://schemas.openxmlformats.org/officeDocument/2006/customXml" ds:itemID="{7F7BC532-B3CD-4E1B-B10C-99AE83B41B77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F1248843-8628-41ED-A4D7-62C66235E099}">
  <ds:schemaRefs>
    <ds:schemaRef ds:uri="http://schemas.microsoft.com/office/2006/metadata/properties"/>
    <ds:schemaRef ds:uri="http://schemas.microsoft.com/office/infopath/2007/PartnerControls"/>
    <ds:schemaRef ds:uri="19641594-8dc6-4014-a7b0-e7f76b614a5d"/>
    <ds:schemaRef ds:uri="e73cd445-74bf-4db9-aef3-c89d89f160b4"/>
  </ds:schemaRefs>
</ds:datastoreItem>
</file>

<file path=customXml/itemProps5.xml><?xml version="1.0" encoding="utf-8"?>
<ds:datastoreItem xmlns:ds="http://schemas.openxmlformats.org/officeDocument/2006/customXml" ds:itemID="{1E571DC8-6E73-4AC5-9C2D-DB0945D65F4A}">
  <ds:schemaRefs/>
</ds:datastoreItem>
</file>

<file path=customXml/itemProps6.xml><?xml version="1.0" encoding="utf-8"?>
<ds:datastoreItem xmlns:ds="http://schemas.openxmlformats.org/officeDocument/2006/customXml" ds:itemID="{24C236A4-652F-45A3-A65F-F39B3E0FF870}"/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Distributions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4-08T23:38:58Z</dcterms:created>
  <dcterms:modified xsi:type="dcterms:W3CDTF">2024-06-20T23:39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ware</vt:lpwstr>
  </property>
  <property fmtid="{D5CDD505-2E9C-101B-9397-08002B2CF9AE}" pid="3" name="TemplafyTemplateId">
    <vt:lpwstr>883365122573074466</vt:lpwstr>
  </property>
  <property fmtid="{D5CDD505-2E9C-101B-9397-08002B2CF9AE}" pid="4" name="TemplafyUserProfileId">
    <vt:lpwstr>849742323148652547</vt:lpwstr>
  </property>
  <property fmtid="{D5CDD505-2E9C-101B-9397-08002B2CF9AE}" pid="5" name="TemplafyLanguageCode">
    <vt:lpwstr>en-AU</vt:lpwstr>
  </property>
  <property fmtid="{D5CDD505-2E9C-101B-9397-08002B2CF9AE}" pid="6" name="TemplafyFromBlank">
    <vt:bool>true</vt:bool>
  </property>
  <property fmtid="{D5CDD505-2E9C-101B-9397-08002B2CF9AE}" pid="7" name="ContentTypeId">
    <vt:lpwstr>0x0101009D2ABAC426A4A14D8CF04F51F2E7C69D</vt:lpwstr>
  </property>
  <property fmtid="{D5CDD505-2E9C-101B-9397-08002B2CF9AE}" pid="8" name="_dlc_DocIdItemGuid">
    <vt:lpwstr>f0d5ea3e-c2e7-40cc-98ef-fca3483a9c67</vt:lpwstr>
  </property>
  <property fmtid="{D5CDD505-2E9C-101B-9397-08002B2CF9AE}" pid="9" name="MediaServiceImageTags">
    <vt:lpwstr/>
  </property>
</Properties>
</file>